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2CC3D69" w14:textId="77777777" w:rsidR="00020201" w:rsidRPr="00ED4C5B" w:rsidRDefault="00FA74D9">
      <w:pPr>
        <w:jc w:val="center"/>
        <w:rPr>
          <w:rFonts w:ascii="Constantia" w:hAnsi="Constantia"/>
          <w:b/>
          <w:bCs/>
        </w:rPr>
      </w:pPr>
      <w:r w:rsidRPr="00ED4C5B">
        <w:rPr>
          <w:rFonts w:ascii="Constantia" w:hAnsi="Constantia"/>
          <w:b/>
          <w:bCs/>
        </w:rPr>
        <w:t>FULLMAKTSFORMULÄR</w:t>
      </w:r>
    </w:p>
    <w:p w14:paraId="105CAD61" w14:textId="77777777" w:rsidR="00020201" w:rsidRPr="00ED4C5B" w:rsidRDefault="00595485">
      <w:pPr>
        <w:rPr>
          <w:rFonts w:ascii="Constantia" w:hAnsi="Constantia"/>
        </w:rPr>
      </w:pPr>
    </w:p>
    <w:p w14:paraId="4E74199C" w14:textId="240B7B42" w:rsidR="00020201" w:rsidRPr="00ED4C5B" w:rsidRDefault="00FA74D9" w:rsidP="00ED4C5B">
      <w:pPr>
        <w:rPr>
          <w:rFonts w:ascii="Constantia" w:hAnsi="Constantia"/>
          <w:bCs/>
          <w:sz w:val="22"/>
          <w:szCs w:val="22"/>
        </w:rPr>
      </w:pPr>
      <w:r w:rsidRPr="00ED4C5B">
        <w:rPr>
          <w:rFonts w:ascii="Constantia" w:hAnsi="Constantia"/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ED4C5B" w:rsidRPr="00ED4C5B">
        <w:rPr>
          <w:rFonts w:ascii="Constantia" w:hAnsi="Constantia"/>
          <w:sz w:val="22"/>
        </w:rPr>
        <w:t>Greenely</w:t>
      </w:r>
      <w:r w:rsidR="00700067" w:rsidRPr="00ED4C5B">
        <w:rPr>
          <w:rFonts w:ascii="Constantia" w:hAnsi="Constantia"/>
          <w:sz w:val="22"/>
        </w:rPr>
        <w:t xml:space="preserve"> AB</w:t>
      </w:r>
      <w:r w:rsidR="00ED4C5B" w:rsidRPr="00ED4C5B">
        <w:rPr>
          <w:rFonts w:ascii="Constantia" w:hAnsi="Constantia"/>
          <w:sz w:val="22"/>
        </w:rPr>
        <w:t xml:space="preserve"> (publ)</w:t>
      </w:r>
      <w:r w:rsidRPr="00ED4C5B">
        <w:rPr>
          <w:rFonts w:ascii="Constantia" w:hAnsi="Constantia"/>
          <w:sz w:val="22"/>
        </w:rPr>
        <w:t xml:space="preserve">, org. nr </w:t>
      </w:r>
      <w:proofErr w:type="gramStart"/>
      <w:r w:rsidR="00ED4C5B" w:rsidRPr="00ED4C5B">
        <w:rPr>
          <w:rFonts w:ascii="Constantia" w:hAnsi="Constantia"/>
          <w:bCs/>
          <w:sz w:val="22"/>
          <w:szCs w:val="22"/>
        </w:rPr>
        <w:t>556960-9794</w:t>
      </w:r>
      <w:proofErr w:type="gramEnd"/>
      <w:r w:rsidRPr="00ED4C5B">
        <w:rPr>
          <w:rFonts w:ascii="Constantia" w:hAnsi="Constantia"/>
          <w:sz w:val="22"/>
          <w:szCs w:val="22"/>
        </w:rPr>
        <w:t xml:space="preserve">, vid </w:t>
      </w:r>
      <w:r w:rsidR="00ED4C5B" w:rsidRPr="00ED4C5B">
        <w:rPr>
          <w:rFonts w:ascii="Constantia" w:hAnsi="Constantia"/>
          <w:sz w:val="22"/>
          <w:szCs w:val="22"/>
        </w:rPr>
        <w:t>extra bolags</w:t>
      </w:r>
      <w:r w:rsidR="009969D0" w:rsidRPr="00ED4C5B">
        <w:rPr>
          <w:rFonts w:ascii="Constantia" w:hAnsi="Constantia"/>
          <w:sz w:val="22"/>
          <w:szCs w:val="22"/>
        </w:rPr>
        <w:t>tämma</w:t>
      </w:r>
      <w:r w:rsidRPr="00ED4C5B">
        <w:rPr>
          <w:rFonts w:ascii="Constantia" w:hAnsi="Constantia"/>
          <w:sz w:val="22"/>
          <w:szCs w:val="22"/>
        </w:rPr>
        <w:t xml:space="preserve"> den </w:t>
      </w:r>
      <w:r w:rsidR="00ED4C5B" w:rsidRPr="00ED4C5B">
        <w:rPr>
          <w:rFonts w:ascii="Constantia" w:hAnsi="Constantia"/>
          <w:sz w:val="22"/>
          <w:szCs w:val="22"/>
        </w:rPr>
        <w:t>12</w:t>
      </w:r>
      <w:r w:rsidR="00650CE6" w:rsidRPr="00ED4C5B">
        <w:rPr>
          <w:rFonts w:ascii="Constantia" w:hAnsi="Constantia"/>
          <w:sz w:val="22"/>
          <w:szCs w:val="22"/>
        </w:rPr>
        <w:t xml:space="preserve"> maj</w:t>
      </w:r>
      <w:r w:rsidR="00306AB1" w:rsidRPr="00ED4C5B">
        <w:rPr>
          <w:rFonts w:ascii="Constantia" w:hAnsi="Constantia"/>
          <w:sz w:val="22"/>
          <w:szCs w:val="22"/>
        </w:rPr>
        <w:t xml:space="preserve"> 202</w:t>
      </w:r>
      <w:r w:rsidR="005D412B" w:rsidRPr="00ED4C5B">
        <w:rPr>
          <w:rFonts w:ascii="Constantia" w:hAnsi="Constantia"/>
          <w:sz w:val="22"/>
          <w:szCs w:val="22"/>
        </w:rPr>
        <w:t>2</w:t>
      </w:r>
      <w:r w:rsidRPr="00ED4C5B">
        <w:rPr>
          <w:rFonts w:ascii="Constantia" w:hAnsi="Constantia"/>
          <w:sz w:val="22"/>
          <w:szCs w:val="22"/>
        </w:rPr>
        <w:t>.</w:t>
      </w:r>
      <w:r w:rsidR="006147AD" w:rsidRPr="00ED4C5B">
        <w:rPr>
          <w:rFonts w:ascii="Constantia" w:hAnsi="Constantia"/>
          <w:sz w:val="22"/>
          <w:szCs w:val="22"/>
        </w:rPr>
        <w:t xml:space="preserve"> </w:t>
      </w:r>
    </w:p>
    <w:p w14:paraId="5707586D" w14:textId="77777777" w:rsidR="00020201" w:rsidRPr="00ED4C5B" w:rsidRDefault="00595485">
      <w:pPr>
        <w:rPr>
          <w:rFonts w:ascii="Constantia" w:hAnsi="Constantia"/>
        </w:rPr>
      </w:pPr>
    </w:p>
    <w:p w14:paraId="4FD836DF" w14:textId="77777777" w:rsidR="00020201" w:rsidRPr="00ED4C5B" w:rsidRDefault="00FA74D9">
      <w:pPr>
        <w:rPr>
          <w:rFonts w:ascii="Constantia" w:hAnsi="Constantia"/>
          <w:b/>
          <w:bCs/>
        </w:rPr>
      </w:pPr>
      <w:r w:rsidRPr="00ED4C5B">
        <w:rPr>
          <w:rFonts w:ascii="Constantia" w:hAnsi="Constantia"/>
          <w:b/>
          <w:bCs/>
        </w:rPr>
        <w:t>Ombud</w:t>
      </w:r>
    </w:p>
    <w:p w14:paraId="34BDEAB8" w14:textId="77777777" w:rsidR="00306AB1" w:rsidRPr="00ED4C5B" w:rsidRDefault="00306AB1">
      <w:pPr>
        <w:rPr>
          <w:rFonts w:ascii="Constantia" w:hAnsi="Constantia"/>
          <w:b/>
          <w:bCs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4"/>
        <w:gridCol w:w="4543"/>
      </w:tblGrid>
      <w:tr w:rsidR="00304010" w:rsidRPr="00ED4C5B" w14:paraId="7434AAF3" w14:textId="77777777" w:rsidTr="00020201">
        <w:tc>
          <w:tcPr>
            <w:tcW w:w="4621" w:type="dxa"/>
            <w:shd w:val="clear" w:color="auto" w:fill="auto"/>
          </w:tcPr>
          <w:p w14:paraId="74E26949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Ombudets namn</w:t>
            </w:r>
          </w:p>
          <w:p w14:paraId="2CEE0A8F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4317DF4C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05DE4E2A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3C6955C8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Personnummer/Födelsedatum</w:t>
            </w:r>
          </w:p>
          <w:p w14:paraId="300CC029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</w:tr>
      <w:tr w:rsidR="00304010" w:rsidRPr="00ED4C5B" w14:paraId="6B2E3A3B" w14:textId="77777777" w:rsidTr="00020201">
        <w:tc>
          <w:tcPr>
            <w:tcW w:w="9243" w:type="dxa"/>
            <w:gridSpan w:val="2"/>
            <w:shd w:val="clear" w:color="auto" w:fill="auto"/>
          </w:tcPr>
          <w:p w14:paraId="238F261D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Utdelningsadress</w:t>
            </w:r>
          </w:p>
          <w:p w14:paraId="45B5E77F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6E7EDF7B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1450648D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</w:tr>
      <w:tr w:rsidR="00304010" w:rsidRPr="00ED4C5B" w14:paraId="72661ADB" w14:textId="77777777" w:rsidTr="00020201">
        <w:tc>
          <w:tcPr>
            <w:tcW w:w="4621" w:type="dxa"/>
            <w:shd w:val="clear" w:color="auto" w:fill="auto"/>
          </w:tcPr>
          <w:p w14:paraId="677CCE6F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Postnummer och postadress</w:t>
            </w:r>
          </w:p>
          <w:p w14:paraId="3A0872D5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712A2E8A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7A486A2D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471E3EE7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Telefonnummer</w:t>
            </w:r>
          </w:p>
          <w:p w14:paraId="6E5FF5D0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</w:tr>
    </w:tbl>
    <w:p w14:paraId="52212BC8" w14:textId="77777777" w:rsidR="00020201" w:rsidRPr="00ED4C5B" w:rsidRDefault="00595485">
      <w:pPr>
        <w:rPr>
          <w:rFonts w:ascii="Constantia" w:hAnsi="Constantia"/>
          <w:b/>
          <w:bCs/>
        </w:rPr>
      </w:pPr>
    </w:p>
    <w:p w14:paraId="5D998AF8" w14:textId="77777777" w:rsidR="00020201" w:rsidRPr="00ED4C5B" w:rsidRDefault="00595485">
      <w:pPr>
        <w:rPr>
          <w:rFonts w:ascii="Constantia" w:hAnsi="Constantia"/>
          <w:b/>
          <w:bCs/>
        </w:rPr>
      </w:pPr>
    </w:p>
    <w:p w14:paraId="66753AD6" w14:textId="77777777" w:rsidR="00020201" w:rsidRPr="00ED4C5B" w:rsidRDefault="00FA74D9">
      <w:pPr>
        <w:rPr>
          <w:rFonts w:ascii="Constantia" w:hAnsi="Constantia"/>
          <w:b/>
          <w:bCs/>
        </w:rPr>
      </w:pPr>
      <w:r w:rsidRPr="00ED4C5B">
        <w:rPr>
          <w:rFonts w:ascii="Constantia" w:hAnsi="Constantia"/>
          <w:b/>
          <w:bCs/>
        </w:rPr>
        <w:t>Underskrift av aktieägaren</w:t>
      </w:r>
    </w:p>
    <w:p w14:paraId="3A5F0F6A" w14:textId="77777777" w:rsidR="00020201" w:rsidRPr="00ED4C5B" w:rsidRDefault="00595485">
      <w:pPr>
        <w:rPr>
          <w:rFonts w:ascii="Constantia" w:hAnsi="Constantia"/>
          <w:b/>
          <w:bCs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104"/>
        <w:gridCol w:w="4913"/>
      </w:tblGrid>
      <w:tr w:rsidR="00304010" w:rsidRPr="00ED4C5B" w14:paraId="6DFBE0E5" w14:textId="77777777" w:rsidTr="00020201">
        <w:tc>
          <w:tcPr>
            <w:tcW w:w="4621" w:type="dxa"/>
            <w:shd w:val="clear" w:color="auto" w:fill="auto"/>
          </w:tcPr>
          <w:p w14:paraId="6BDF3005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Aktieägarens namn</w:t>
            </w:r>
          </w:p>
          <w:p w14:paraId="6C4219D6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3EE627D8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1E93621C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1727A171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Personnummer/Födelsedatum/Organisationsnummer</w:t>
            </w:r>
          </w:p>
          <w:p w14:paraId="66693AA6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</w:tr>
      <w:tr w:rsidR="00304010" w:rsidRPr="00ED4C5B" w14:paraId="1D60DD9F" w14:textId="77777777" w:rsidTr="00020201">
        <w:tc>
          <w:tcPr>
            <w:tcW w:w="4621" w:type="dxa"/>
            <w:shd w:val="clear" w:color="auto" w:fill="auto"/>
          </w:tcPr>
          <w:p w14:paraId="72EFB54A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Ort och datum</w:t>
            </w:r>
          </w:p>
          <w:p w14:paraId="710ABAB6" w14:textId="77777777" w:rsidR="00020201" w:rsidRPr="00ED4C5B" w:rsidRDefault="00595485">
            <w:pPr>
              <w:rPr>
                <w:rFonts w:ascii="Constantia" w:hAnsi="Constantia"/>
                <w:sz w:val="20"/>
                <w:szCs w:val="20"/>
              </w:rPr>
            </w:pPr>
          </w:p>
          <w:p w14:paraId="43A9C86F" w14:textId="77777777" w:rsidR="00020201" w:rsidRPr="00ED4C5B" w:rsidRDefault="00595485">
            <w:pPr>
              <w:rPr>
                <w:rFonts w:ascii="Constantia" w:hAnsi="Constantia"/>
                <w:sz w:val="20"/>
                <w:szCs w:val="20"/>
              </w:rPr>
            </w:pPr>
          </w:p>
          <w:p w14:paraId="637B2EF3" w14:textId="77777777" w:rsidR="00020201" w:rsidRPr="00ED4C5B" w:rsidRDefault="00595485">
            <w:pPr>
              <w:rPr>
                <w:rFonts w:ascii="Constantia" w:hAnsi="Constantia"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07C51E4F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Telefonnummer</w:t>
            </w:r>
          </w:p>
          <w:p w14:paraId="3028841B" w14:textId="77777777" w:rsidR="00020201" w:rsidRPr="00ED4C5B" w:rsidRDefault="00595485">
            <w:pPr>
              <w:rPr>
                <w:rFonts w:ascii="Constantia" w:hAnsi="Constantia"/>
                <w:sz w:val="20"/>
                <w:szCs w:val="20"/>
              </w:rPr>
            </w:pPr>
          </w:p>
        </w:tc>
      </w:tr>
      <w:tr w:rsidR="00304010" w:rsidRPr="00ED4C5B" w14:paraId="0B045FC8" w14:textId="77777777" w:rsidTr="00020201">
        <w:tc>
          <w:tcPr>
            <w:tcW w:w="9243" w:type="dxa"/>
            <w:gridSpan w:val="2"/>
            <w:shd w:val="clear" w:color="auto" w:fill="auto"/>
          </w:tcPr>
          <w:p w14:paraId="2822E020" w14:textId="77777777" w:rsidR="00020201" w:rsidRPr="00ED4C5B" w:rsidRDefault="00FA74D9">
            <w:pPr>
              <w:rPr>
                <w:rFonts w:ascii="Constantia" w:hAnsi="Constantia"/>
                <w:sz w:val="20"/>
                <w:szCs w:val="20"/>
              </w:rPr>
            </w:pPr>
            <w:r w:rsidRPr="00ED4C5B">
              <w:rPr>
                <w:rFonts w:ascii="Constantia" w:hAnsi="Constantia"/>
                <w:sz w:val="20"/>
                <w:szCs w:val="20"/>
              </w:rPr>
              <w:t>Namnteckning*</w:t>
            </w:r>
          </w:p>
          <w:p w14:paraId="5CFCEA6A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  <w:p w14:paraId="6DB9C696" w14:textId="77777777" w:rsidR="00020201" w:rsidRPr="00ED4C5B" w:rsidRDefault="00595485">
            <w:pPr>
              <w:rPr>
                <w:rFonts w:ascii="Constantia" w:hAnsi="Constantia"/>
                <w:b/>
                <w:bCs/>
                <w:sz w:val="20"/>
                <w:szCs w:val="20"/>
              </w:rPr>
            </w:pPr>
          </w:p>
        </w:tc>
      </w:tr>
    </w:tbl>
    <w:p w14:paraId="41DB35BA" w14:textId="77777777" w:rsidR="00020201" w:rsidRPr="00ED4C5B" w:rsidRDefault="004C2649">
      <w:pPr>
        <w:rPr>
          <w:rFonts w:ascii="Constantia" w:hAnsi="Constantia"/>
          <w:sz w:val="20"/>
          <w:szCs w:val="20"/>
        </w:rPr>
      </w:pPr>
      <w:r w:rsidRPr="00ED4C5B">
        <w:rPr>
          <w:rFonts w:ascii="Constantia" w:hAnsi="Constantia"/>
          <w:sz w:val="20"/>
          <w:szCs w:val="20"/>
        </w:rPr>
        <w:t>* Vid firmateckning ska</w:t>
      </w:r>
      <w:r w:rsidR="00FA74D9" w:rsidRPr="00ED4C5B">
        <w:rPr>
          <w:rFonts w:ascii="Constantia" w:hAnsi="Constantia"/>
          <w:sz w:val="20"/>
          <w:szCs w:val="20"/>
        </w:rPr>
        <w:t xml:space="preserve"> namnförtydligande anges vid namnteckningen och aktuellt registreringsbevis (eller </w:t>
      </w:r>
      <w:r w:rsidR="00F06738" w:rsidRPr="00ED4C5B">
        <w:rPr>
          <w:rFonts w:ascii="Constantia" w:hAnsi="Constantia"/>
          <w:sz w:val="20"/>
          <w:szCs w:val="20"/>
        </w:rPr>
        <w:t>motsvarande</w:t>
      </w:r>
      <w:r w:rsidR="00FA74D9" w:rsidRPr="00ED4C5B">
        <w:rPr>
          <w:rFonts w:ascii="Constantia" w:hAnsi="Constantia"/>
          <w:sz w:val="20"/>
          <w:szCs w:val="20"/>
        </w:rPr>
        <w:t xml:space="preserve"> handling) biläggas det ifyllda fullmaktsformuläret. </w:t>
      </w:r>
    </w:p>
    <w:p w14:paraId="11A8F1A5" w14:textId="77777777" w:rsidR="00020201" w:rsidRPr="00ED4C5B" w:rsidRDefault="00595485">
      <w:pPr>
        <w:rPr>
          <w:rFonts w:ascii="Constantia" w:hAnsi="Constantia"/>
        </w:rPr>
      </w:pPr>
    </w:p>
    <w:p w14:paraId="194B0EF3" w14:textId="77777777" w:rsidR="00020201" w:rsidRPr="00ED4C5B" w:rsidRDefault="00FA74D9" w:rsidP="003F40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Constantia" w:hAnsi="Constantia"/>
          <w:sz w:val="20"/>
          <w:szCs w:val="20"/>
        </w:rPr>
      </w:pPr>
      <w:r w:rsidRPr="00ED4C5B">
        <w:rPr>
          <w:rFonts w:ascii="Constantia" w:hAnsi="Constantia"/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ED4C5B">
        <w:rPr>
          <w:rFonts w:ascii="Constantia" w:hAnsi="Constantia"/>
          <w:sz w:val="20"/>
          <w:szCs w:val="20"/>
          <w:u w:val="single"/>
        </w:rPr>
        <w:t>inte</w:t>
      </w:r>
      <w:r w:rsidRPr="00ED4C5B">
        <w:rPr>
          <w:rFonts w:ascii="Constantia" w:hAnsi="Constantia"/>
          <w:sz w:val="20"/>
          <w:szCs w:val="20"/>
        </w:rPr>
        <w:t xml:space="preserve"> som anmälan till bolagsstämman.</w:t>
      </w:r>
    </w:p>
    <w:p w14:paraId="6F89491B" w14:textId="77777777" w:rsidR="003F4054" w:rsidRPr="00ED4C5B" w:rsidRDefault="00595485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Constantia" w:hAnsi="Constantia"/>
          <w:sz w:val="20"/>
          <w:szCs w:val="20"/>
        </w:rPr>
      </w:pPr>
    </w:p>
    <w:p w14:paraId="00C67FEE" w14:textId="38F3BCFB" w:rsidR="00020201" w:rsidRPr="00ED4C5B" w:rsidRDefault="00FA74D9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Constantia" w:hAnsi="Constantia"/>
          <w:sz w:val="20"/>
          <w:szCs w:val="20"/>
        </w:rPr>
      </w:pPr>
      <w:r w:rsidRPr="00ED4C5B">
        <w:rPr>
          <w:rFonts w:ascii="Constantia" w:hAnsi="Constantia"/>
          <w:sz w:val="20"/>
          <w:szCs w:val="20"/>
        </w:rPr>
        <w:t xml:space="preserve">Det ifyllda fullmaktsformuläret (med eventuella bilagor) bör sändas till </w:t>
      </w:r>
      <w:r w:rsidR="00ED4C5B" w:rsidRPr="00ED4C5B">
        <w:rPr>
          <w:rFonts w:ascii="Constantia" w:hAnsi="Constantia"/>
          <w:sz w:val="20"/>
          <w:szCs w:val="20"/>
        </w:rPr>
        <w:t>Greenely AB, Birger Jarlsgatan 12 114</w:t>
      </w:r>
      <w:r w:rsidR="00ED4C5B">
        <w:rPr>
          <w:rFonts w:ascii="Constantia" w:hAnsi="Constantia"/>
          <w:sz w:val="20"/>
          <w:szCs w:val="20"/>
        </w:rPr>
        <w:t xml:space="preserve"> 34</w:t>
      </w:r>
      <w:r w:rsidR="00ED4C5B" w:rsidRPr="00ED4C5B">
        <w:rPr>
          <w:rFonts w:ascii="Constantia" w:hAnsi="Constantia"/>
          <w:sz w:val="20"/>
          <w:szCs w:val="20"/>
        </w:rPr>
        <w:t xml:space="preserve"> Stockholm, eller via e-post till </w:t>
      </w:r>
      <w:r w:rsidR="00C67738" w:rsidRPr="00C67738">
        <w:rPr>
          <w:rFonts w:ascii="Constantia" w:hAnsi="Constantia"/>
          <w:sz w:val="20"/>
          <w:szCs w:val="20"/>
        </w:rPr>
        <w:t>fredrik.hagblom</w:t>
      </w:r>
      <w:r w:rsidR="00ED4C5B" w:rsidRPr="00C67738">
        <w:rPr>
          <w:rFonts w:ascii="Constantia" w:hAnsi="Constantia"/>
          <w:sz w:val="20"/>
          <w:szCs w:val="20"/>
        </w:rPr>
        <w:t>@greenely.se</w:t>
      </w:r>
      <w:r w:rsidRPr="00ED4C5B">
        <w:rPr>
          <w:rFonts w:ascii="Constantia" w:hAnsi="Constantia"/>
          <w:sz w:val="20"/>
          <w:szCs w:val="20"/>
        </w:rPr>
        <w:t xml:space="preserve">. Om aktieägaren </w:t>
      </w:r>
      <w:r w:rsidRPr="00ED4C5B">
        <w:rPr>
          <w:rFonts w:ascii="Constantia" w:hAnsi="Constantia"/>
          <w:sz w:val="20"/>
          <w:szCs w:val="20"/>
          <w:u w:val="single"/>
        </w:rPr>
        <w:t>inte</w:t>
      </w:r>
      <w:r w:rsidRPr="00ED4C5B">
        <w:rPr>
          <w:rFonts w:ascii="Constantia" w:hAnsi="Constantia"/>
          <w:i/>
          <w:sz w:val="20"/>
          <w:szCs w:val="20"/>
        </w:rPr>
        <w:t xml:space="preserve"> </w:t>
      </w:r>
      <w:r w:rsidRPr="00ED4C5B">
        <w:rPr>
          <w:rFonts w:ascii="Constantia" w:hAnsi="Constantia"/>
          <w:sz w:val="20"/>
          <w:szCs w:val="20"/>
        </w:rPr>
        <w:t>önskar utöva sin rösträtt genom ombud behöver fullmaktsformuläret inte skickas in.</w:t>
      </w:r>
    </w:p>
    <w:p w14:paraId="5A268F52" w14:textId="77777777" w:rsidR="00700067" w:rsidRPr="00ED4C5B" w:rsidRDefault="00700067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Constantia" w:hAnsi="Constantia"/>
          <w:sz w:val="20"/>
          <w:szCs w:val="20"/>
        </w:rPr>
      </w:pPr>
    </w:p>
    <w:p w14:paraId="14553008" w14:textId="67D4E523" w:rsidR="00700067" w:rsidRPr="00ED4C5B" w:rsidRDefault="00ED4C5B" w:rsidP="00ED4C5B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rFonts w:ascii="Constantia" w:hAnsi="Constantia"/>
          <w:sz w:val="20"/>
          <w:szCs w:val="20"/>
        </w:rPr>
      </w:pPr>
      <w:r w:rsidRPr="00ED4C5B">
        <w:rPr>
          <w:rFonts w:ascii="Constantia" w:hAnsi="Constantia"/>
          <w:sz w:val="20"/>
          <w:szCs w:val="20"/>
        </w:rPr>
        <w:t>Personuppgifter som härrör från anmälan om deltagande vid stämman samt uppgifter om ställföreträdare, ombud och biträden kommer att användas för registrering, upprättande av röstlängd för stämman samt, i förekommande fall, stämmoprotokoll.</w:t>
      </w:r>
    </w:p>
    <w:sectPr w:rsidR="00700067" w:rsidRPr="00ED4C5B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38D99D6" w14:textId="77777777" w:rsidR="00595485" w:rsidRDefault="00595485">
      <w:r>
        <w:separator/>
      </w:r>
    </w:p>
  </w:endnote>
  <w:endnote w:type="continuationSeparator" w:id="0">
    <w:p w14:paraId="00EE8081" w14:textId="77777777" w:rsidR="00595485" w:rsidRDefault="0059548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nstantia">
    <w:altName w:val="Constantia"/>
    <w:panose1 w:val="02030602050306030303"/>
    <w:charset w:val="00"/>
    <w:family w:val="roman"/>
    <w:pitch w:val="variable"/>
    <w:sig w:usb0="A00002EF" w:usb1="4000204B" w:usb2="00000000" w:usb3="00000000" w:csb0="000001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F2B5EC" w14:textId="77777777" w:rsidR="00020201" w:rsidRDefault="00595485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755A91CF" w14:textId="77777777">
      <w:tc>
        <w:tcPr>
          <w:tcW w:w="2000" w:type="pct"/>
          <w:vAlign w:val="bottom"/>
        </w:tcPr>
        <w:p w14:paraId="633A266D" w14:textId="77777777" w:rsidR="00020201" w:rsidRDefault="00FA74D9">
          <w:pPr>
            <w:pStyle w:val="Footer"/>
          </w:pPr>
          <w:r>
            <w:t>2011-12-30 15:25 (2K)</w:t>
          </w:r>
        </w:p>
        <w:p w14:paraId="48E12200" w14:textId="77777777" w:rsidR="00020201" w:rsidRDefault="00FA74D9" w:rsidP="0009353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7FE2443F" w14:textId="77777777" w:rsidR="00020201" w:rsidRDefault="00595485">
          <w:pPr>
            <w:pStyle w:val="WCPageNumber"/>
          </w:pPr>
        </w:p>
      </w:tc>
      <w:tc>
        <w:tcPr>
          <w:tcW w:w="2000" w:type="pct"/>
        </w:tcPr>
        <w:p w14:paraId="26611475" w14:textId="77777777" w:rsidR="00020201" w:rsidRDefault="00595485">
          <w:pPr>
            <w:pStyle w:val="Footer"/>
            <w:jc w:val="right"/>
          </w:pPr>
        </w:p>
      </w:tc>
    </w:tr>
  </w:tbl>
  <w:p w14:paraId="2E98B314" w14:textId="77777777" w:rsidR="00020201" w:rsidRDefault="00595485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5C163C3" w14:textId="77777777" w:rsidR="00020201" w:rsidRDefault="00595485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21948D09" w14:textId="77777777">
      <w:tc>
        <w:tcPr>
          <w:tcW w:w="2000" w:type="pct"/>
          <w:vAlign w:val="bottom"/>
        </w:tcPr>
        <w:p w14:paraId="071D0171" w14:textId="77777777" w:rsidR="00020201" w:rsidRDefault="00FA74D9">
          <w:pPr>
            <w:pStyle w:val="Footer"/>
          </w:pPr>
          <w:r>
            <w:t>2011-12-30 15:25 (2K)</w:t>
          </w:r>
        </w:p>
        <w:p w14:paraId="7ECCF81B" w14:textId="77777777" w:rsidR="00020201" w:rsidRDefault="00FA74D9" w:rsidP="00093537">
          <w:pPr>
            <w:pStyle w:val="Footer"/>
          </w:pPr>
          <w:r>
            <w:t>[</w:t>
          </w:r>
          <w:proofErr w:type="spellStart"/>
          <w:r>
            <w:t>stlight</w:t>
          </w:r>
          <w:proofErr w:type="spellEnd"/>
          <w:r>
            <w:t xml:space="preserve"> - Fullmaktsformulär.doc]</w:t>
          </w:r>
        </w:p>
      </w:tc>
      <w:tc>
        <w:tcPr>
          <w:tcW w:w="1000" w:type="pct"/>
        </w:tcPr>
        <w:p w14:paraId="18571C85" w14:textId="77777777" w:rsidR="00020201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60EDE5C4" w14:textId="77777777" w:rsidR="00020201" w:rsidRDefault="00595485">
          <w:pPr>
            <w:pStyle w:val="Footer"/>
            <w:jc w:val="right"/>
          </w:pPr>
        </w:p>
      </w:tc>
    </w:tr>
  </w:tbl>
  <w:p w14:paraId="5AF35D45" w14:textId="77777777" w:rsidR="00D75837" w:rsidRDefault="00FA74D9">
    <w:pPr>
      <w:pStyle w:val="Footer"/>
      <w:rPr>
        <w:sz w:val="8"/>
      </w:rPr>
    </w:pPr>
    <w:r>
      <w:rPr>
        <w:sz w:val="8"/>
      </w:rPr>
      <w:t>1741917-v1\STODMS</w:t>
    </w:r>
  </w:p>
  <w:p w14:paraId="454E1973" w14:textId="5778F99D" w:rsidR="00020201" w:rsidRDefault="00D75837" w:rsidP="00D7583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D75837">
      <w:rPr>
        <w:sz w:val="14"/>
      </w:rPr>
      <w:instrText>IF "</w:instrText>
    </w:r>
    <w:r w:rsidRPr="00D75837">
      <w:rPr>
        <w:sz w:val="14"/>
      </w:rPr>
      <w:fldChar w:fldCharType="begin"/>
    </w:r>
    <w:r w:rsidRPr="00D75837">
      <w:rPr>
        <w:sz w:val="14"/>
      </w:rPr>
      <w:instrText xml:space="preserve"> DOCVARIABLE "SWDocIDLocation" </w:instrText>
    </w:r>
    <w:r w:rsidRPr="00D75837">
      <w:rPr>
        <w:sz w:val="14"/>
      </w:rPr>
      <w:fldChar w:fldCharType="separate"/>
    </w:r>
    <w:r w:rsidR="00FD1012">
      <w:rPr>
        <w:sz w:val="14"/>
      </w:rPr>
      <w:instrText>1</w:instrText>
    </w:r>
    <w:r w:rsidRPr="00D75837">
      <w:rPr>
        <w:sz w:val="14"/>
      </w:rPr>
      <w:fldChar w:fldCharType="end"/>
    </w:r>
    <w:r w:rsidRPr="00D75837">
      <w:rPr>
        <w:sz w:val="14"/>
      </w:rPr>
      <w:instrText>" = "1" "</w:instrText>
    </w:r>
    <w:r w:rsidRPr="00D75837">
      <w:rPr>
        <w:sz w:val="14"/>
      </w:rPr>
      <w:fldChar w:fldCharType="begin"/>
    </w:r>
    <w:r w:rsidRPr="00D75837">
      <w:rPr>
        <w:sz w:val="14"/>
      </w:rPr>
      <w:instrText xml:space="preserve"> DOCPROPERTY "SWDocID" </w:instrText>
    </w:r>
    <w:r w:rsidRPr="00D75837">
      <w:rPr>
        <w:sz w:val="14"/>
      </w:rPr>
      <w:fldChar w:fldCharType="separate"/>
    </w:r>
    <w:r w:rsidR="00FD1012">
      <w:rPr>
        <w:sz w:val="14"/>
      </w:rPr>
      <w:instrText>2730362-v1\STODMS</w:instrText>
    </w:r>
    <w:r w:rsidRPr="00D75837">
      <w:rPr>
        <w:sz w:val="14"/>
      </w:rPr>
      <w:fldChar w:fldCharType="end"/>
    </w:r>
    <w:r w:rsidRPr="00D7583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FD1012">
      <w:rPr>
        <w:noProof/>
        <w:sz w:val="14"/>
      </w:rPr>
      <w:t>2730362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99B45E5" w14:textId="77777777" w:rsidR="005D412B" w:rsidRDefault="005D412B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C98EB89" w14:textId="77777777" w:rsidR="00595485" w:rsidRDefault="00595485">
      <w:r>
        <w:separator/>
      </w:r>
    </w:p>
  </w:footnote>
  <w:footnote w:type="continuationSeparator" w:id="0">
    <w:p w14:paraId="4B9E36CC" w14:textId="77777777" w:rsidR="00595485" w:rsidRDefault="0059548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396F059" w14:textId="77777777" w:rsidR="005D412B" w:rsidRDefault="005D412B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3AC14B9" w14:textId="77777777" w:rsidR="005D412B" w:rsidRDefault="005D412B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61C28F1" w14:textId="77777777" w:rsidR="005D412B" w:rsidRDefault="005D412B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removePersonalInformation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DMReference" w:val="401418984-v1\EMEA_DMS"/>
    <w:docVar w:name="OfficeIni" w:val="Stockholm - ENGLISH.ini"/>
    <w:docVar w:name="SWDocIDLayout" w:val="1"/>
    <w:docVar w:name="SWDocIDLocation" w:val="1"/>
  </w:docVars>
  <w:rsids>
    <w:rsidRoot w:val="00304010"/>
    <w:rsid w:val="000039FE"/>
    <w:rsid w:val="001242AF"/>
    <w:rsid w:val="001637E0"/>
    <w:rsid w:val="002B464F"/>
    <w:rsid w:val="00304010"/>
    <w:rsid w:val="00306AB1"/>
    <w:rsid w:val="00314DDA"/>
    <w:rsid w:val="00494869"/>
    <w:rsid w:val="004C2649"/>
    <w:rsid w:val="004C3564"/>
    <w:rsid w:val="0051799A"/>
    <w:rsid w:val="00595485"/>
    <w:rsid w:val="005A7937"/>
    <w:rsid w:val="005D412B"/>
    <w:rsid w:val="006065D5"/>
    <w:rsid w:val="006147AD"/>
    <w:rsid w:val="00650CE6"/>
    <w:rsid w:val="00691F48"/>
    <w:rsid w:val="006D193F"/>
    <w:rsid w:val="006D3CB7"/>
    <w:rsid w:val="00700067"/>
    <w:rsid w:val="0075473D"/>
    <w:rsid w:val="007C6ADD"/>
    <w:rsid w:val="007C7658"/>
    <w:rsid w:val="00862EFC"/>
    <w:rsid w:val="009969D0"/>
    <w:rsid w:val="009A6472"/>
    <w:rsid w:val="00A22C5C"/>
    <w:rsid w:val="00AC3521"/>
    <w:rsid w:val="00AC4536"/>
    <w:rsid w:val="00B076B2"/>
    <w:rsid w:val="00B5178F"/>
    <w:rsid w:val="00BF590B"/>
    <w:rsid w:val="00C12077"/>
    <w:rsid w:val="00C67738"/>
    <w:rsid w:val="00CD6F16"/>
    <w:rsid w:val="00D75837"/>
    <w:rsid w:val="00DF30BA"/>
    <w:rsid w:val="00E90283"/>
    <w:rsid w:val="00EB5AF5"/>
    <w:rsid w:val="00ED4C5B"/>
    <w:rsid w:val="00F06738"/>
    <w:rsid w:val="00FA74D9"/>
    <w:rsid w:val="00FC49F4"/>
    <w:rsid w:val="00FC618A"/>
    <w:rsid w:val="00FD101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,"/>
  <w:listSeparator w:val=";"/>
  <w14:docId w14:val="6C0BDB73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character" w:styleId="Hyperlink">
    <w:name w:val="Hyperlink"/>
    <w:basedOn w:val="DefaultParagraphFont"/>
    <w:unhideWhenUsed/>
    <w:rsid w:val="00ED4C5B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ED4C5B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M A T T E R S ! 9 8 9 9 5 7 8 . 1 < / d o c u m e n t i d >  
     < s e n d e r i d > A D A M . S I R S J O < / s e n d e r i d >  
     < s e n d e r e m a i l > A D A M . S I R S J O @ S C H J O D T . C O M < / s e n d e r e m a i l >  
     < l a s t m o d i f i e d > 2 0 2 2 - 0 4 - 1 9 T 1 0 : 2 0 : 0 0 . 0 0 0 0 0 0 0 + 0 2 : 0 0 < / l a s t m o d i f i e d >  
     < d a t a b a s e > M A T T E R S < / d a t a b a s e >  
 < / p r o p e r t i e s > 
</file>

<file path=customXml/itemProps1.xml><?xml version="1.0" encoding="utf-8"?>
<ds:datastoreItem xmlns:ds="http://schemas.openxmlformats.org/officeDocument/2006/customXml" ds:itemID="{C3CC39F7-97CB-4B7C-B2F7-1C76EA2A0951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79</Words>
  <Characters>1262</Characters>
  <Application>Microsoft Office Word</Application>
  <DocSecurity>0</DocSecurity>
  <Lines>60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
      </vt:lpstr>
    </vt:vector>
  </TitlesOfParts>
  <Manager/>
  <Company/>
  <LinksUpToDate>false</LinksUpToDate>
  <CharactersWithSpaces>142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2-04-25T19:29:00Z</dcterms:created>
  <dcterms:modified xsi:type="dcterms:W3CDTF">2022-04-25T19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2730362-v1\STODMS</vt:lpwstr>
  </property>
  <property fmtid="{D5CDD505-2E9C-101B-9397-08002B2CF9AE}" pid="3" name="PSACClient">
    <vt:lpwstr>1014464</vt:lpwstr>
  </property>
  <property fmtid="{D5CDD505-2E9C-101B-9397-08002B2CF9AE}" pid="4" name="PSACMatter">
    <vt:lpwstr>1014464-602</vt:lpwstr>
  </property>
</Properties>
</file>